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729E826" w14:textId="77777777" w:rsidR="0068327B" w:rsidRPr="002717F7" w:rsidRDefault="00FA74D9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14:paraId="0DBBD1B3" w14:textId="77777777" w:rsidR="0068327B" w:rsidRPr="002717F7" w:rsidRDefault="0068327B"/>
    <w:p w14:paraId="796875F9" w14:textId="41DBD991" w:rsidR="0068327B" w:rsidRPr="00586B1F" w:rsidRDefault="00FA74D9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38686E" w:rsidRPr="0038686E">
        <w:rPr>
          <w:sz w:val="22"/>
        </w:rPr>
        <w:t>Unlimited Travel Group UTG AB (publ)</w:t>
      </w:r>
      <w:r w:rsidR="006C25CA">
        <w:rPr>
          <w:sz w:val="22"/>
        </w:rPr>
        <w:t>, org.</w:t>
      </w:r>
      <w:r w:rsidRPr="00EC78CB">
        <w:rPr>
          <w:sz w:val="22"/>
        </w:rPr>
        <w:t xml:space="preserve">nr </w:t>
      </w:r>
      <w:r w:rsidR="0038686E" w:rsidRPr="0038686E">
        <w:rPr>
          <w:sz w:val="22"/>
        </w:rPr>
        <w:t>556337-3835</w:t>
      </w:r>
      <w:r w:rsidRPr="00586B1F">
        <w:rPr>
          <w:sz w:val="22"/>
          <w:szCs w:val="22"/>
        </w:rPr>
        <w:t xml:space="preserve">, vid </w:t>
      </w:r>
      <w:r w:rsidR="007C4E70">
        <w:rPr>
          <w:sz w:val="22"/>
          <w:szCs w:val="22"/>
        </w:rPr>
        <w:t>årsstämma</w:t>
      </w:r>
      <w:r w:rsidRPr="00586B1F">
        <w:rPr>
          <w:sz w:val="22"/>
          <w:szCs w:val="22"/>
        </w:rPr>
        <w:t xml:space="preserve"> den </w:t>
      </w:r>
      <w:r w:rsidR="00815A8D">
        <w:rPr>
          <w:sz w:val="22"/>
          <w:szCs w:val="22"/>
        </w:rPr>
        <w:t>2</w:t>
      </w:r>
      <w:r w:rsidR="0068327B">
        <w:rPr>
          <w:sz w:val="22"/>
          <w:szCs w:val="22"/>
        </w:rPr>
        <w:t>3</w:t>
      </w:r>
      <w:r w:rsidR="00815A8D">
        <w:rPr>
          <w:sz w:val="22"/>
          <w:szCs w:val="22"/>
        </w:rPr>
        <w:t xml:space="preserve"> maj 202</w:t>
      </w:r>
      <w:r w:rsidR="0068327B">
        <w:rPr>
          <w:sz w:val="22"/>
          <w:szCs w:val="22"/>
        </w:rPr>
        <w:t>4</w:t>
      </w:r>
      <w:r w:rsidRPr="00586B1F">
        <w:rPr>
          <w:sz w:val="22"/>
          <w:szCs w:val="22"/>
        </w:rPr>
        <w:t>.</w:t>
      </w:r>
    </w:p>
    <w:p w14:paraId="3782C945" w14:textId="77777777" w:rsidR="0068327B" w:rsidRPr="00B968E5" w:rsidRDefault="0068327B">
      <w:pPr>
        <w:rPr>
          <w:sz w:val="22"/>
          <w:szCs w:val="22"/>
        </w:rPr>
      </w:pPr>
    </w:p>
    <w:p w14:paraId="2F7020A1" w14:textId="77777777" w:rsidR="0068327B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14:paraId="7BA07BAE" w14:textId="77777777" w:rsidR="0068327B" w:rsidRPr="00B968E5" w:rsidRDefault="0068327B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14:paraId="0817BFA8" w14:textId="77777777" w:rsidTr="00020201">
        <w:tc>
          <w:tcPr>
            <w:tcW w:w="4621" w:type="dxa"/>
            <w:shd w:val="clear" w:color="auto" w:fill="auto"/>
          </w:tcPr>
          <w:p w14:paraId="56B5AF15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14:paraId="130A8FA0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17349C2F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58586D3F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5363F03D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14:paraId="3C0432A5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22A4EFB2" w14:textId="77777777" w:rsidTr="00020201">
        <w:tc>
          <w:tcPr>
            <w:tcW w:w="9243" w:type="dxa"/>
            <w:gridSpan w:val="2"/>
            <w:shd w:val="clear" w:color="auto" w:fill="auto"/>
          </w:tcPr>
          <w:p w14:paraId="12205019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14:paraId="7CAD8E2B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29340594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4BC6BF47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45175E3D" w14:textId="77777777" w:rsidTr="00020201">
        <w:tc>
          <w:tcPr>
            <w:tcW w:w="4621" w:type="dxa"/>
            <w:shd w:val="clear" w:color="auto" w:fill="auto"/>
          </w:tcPr>
          <w:p w14:paraId="2C8C3E88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14:paraId="1B47AA18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27552786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08D9FA21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2D5D6B2D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73E5771C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2C8727BF" w14:textId="77777777" w:rsidR="0068327B" w:rsidRPr="00B968E5" w:rsidRDefault="0068327B">
      <w:pPr>
        <w:rPr>
          <w:b/>
          <w:bCs/>
          <w:sz w:val="22"/>
          <w:szCs w:val="22"/>
        </w:rPr>
      </w:pPr>
    </w:p>
    <w:p w14:paraId="580C9F34" w14:textId="77777777" w:rsidR="0068327B" w:rsidRPr="00B968E5" w:rsidRDefault="0068327B">
      <w:pPr>
        <w:rPr>
          <w:b/>
          <w:bCs/>
          <w:sz w:val="22"/>
          <w:szCs w:val="22"/>
        </w:rPr>
      </w:pPr>
    </w:p>
    <w:p w14:paraId="77447F67" w14:textId="77777777" w:rsidR="0068327B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14:paraId="19D899BE" w14:textId="77777777" w:rsidR="0068327B" w:rsidRPr="00B968E5" w:rsidRDefault="0068327B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14:paraId="5700AB8B" w14:textId="77777777" w:rsidTr="00020201">
        <w:tc>
          <w:tcPr>
            <w:tcW w:w="4621" w:type="dxa"/>
            <w:shd w:val="clear" w:color="auto" w:fill="auto"/>
          </w:tcPr>
          <w:p w14:paraId="258EC34D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14:paraId="70E71A11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6CDFE7BF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64CA880A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48D1D900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14:paraId="357EA806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1EF5720A" w14:textId="77777777" w:rsidTr="00020201">
        <w:tc>
          <w:tcPr>
            <w:tcW w:w="4621" w:type="dxa"/>
            <w:shd w:val="clear" w:color="auto" w:fill="auto"/>
          </w:tcPr>
          <w:p w14:paraId="4FC1EAA2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14:paraId="5D531B59" w14:textId="77777777" w:rsidR="0068327B" w:rsidRPr="002717F7" w:rsidRDefault="0068327B">
            <w:pPr>
              <w:rPr>
                <w:sz w:val="20"/>
                <w:szCs w:val="20"/>
              </w:rPr>
            </w:pPr>
          </w:p>
          <w:p w14:paraId="584CFEA5" w14:textId="77777777" w:rsidR="0068327B" w:rsidRPr="002717F7" w:rsidRDefault="0068327B">
            <w:pPr>
              <w:rPr>
                <w:sz w:val="20"/>
                <w:szCs w:val="20"/>
              </w:rPr>
            </w:pPr>
          </w:p>
          <w:p w14:paraId="1CD1ED90" w14:textId="77777777" w:rsidR="0068327B" w:rsidRPr="002717F7" w:rsidRDefault="0068327B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3C937D30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0136660B" w14:textId="77777777" w:rsidR="0068327B" w:rsidRPr="002717F7" w:rsidRDefault="0068327B">
            <w:pPr>
              <w:rPr>
                <w:sz w:val="20"/>
                <w:szCs w:val="20"/>
              </w:rPr>
            </w:pPr>
          </w:p>
        </w:tc>
      </w:tr>
      <w:tr w:rsidR="00304010" w14:paraId="6CBD24CA" w14:textId="77777777" w:rsidTr="00020201">
        <w:tc>
          <w:tcPr>
            <w:tcW w:w="9243" w:type="dxa"/>
            <w:gridSpan w:val="2"/>
            <w:shd w:val="clear" w:color="auto" w:fill="auto"/>
          </w:tcPr>
          <w:p w14:paraId="4924AC65" w14:textId="77777777" w:rsidR="0068327B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14:paraId="1EF67DF7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  <w:p w14:paraId="714B31A9" w14:textId="77777777" w:rsidR="0068327B" w:rsidRPr="002717F7" w:rsidRDefault="0068327B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2F395817" w14:textId="77777777" w:rsidR="0068327B" w:rsidRPr="00586B1F" w:rsidRDefault="006C26F5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="00FA74D9" w:rsidRPr="00586B1F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="00FA74D9" w:rsidRPr="00586B1F">
        <w:rPr>
          <w:sz w:val="20"/>
          <w:szCs w:val="20"/>
        </w:rPr>
        <w:t xml:space="preserve">biläggas det ifyllda fullmaktsformuläret. </w:t>
      </w:r>
    </w:p>
    <w:p w14:paraId="45F523D3" w14:textId="77777777" w:rsidR="0068327B" w:rsidRPr="002717F7" w:rsidRDefault="0068327B"/>
    <w:p w14:paraId="686C3BB4" w14:textId="77777777" w:rsidR="0068327B" w:rsidRPr="00B968E5" w:rsidRDefault="00FA74D9" w:rsidP="003F40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14:paraId="1B3B515E" w14:textId="77777777" w:rsidR="0068327B" w:rsidRPr="00B968E5" w:rsidRDefault="0068327B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4DAD48FB" w14:textId="77777777" w:rsidR="0068327B" w:rsidRDefault="00FA74D9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r w:rsidR="0038686E" w:rsidRPr="0038686E">
        <w:rPr>
          <w:sz w:val="20"/>
          <w:szCs w:val="20"/>
        </w:rPr>
        <w:t>Unlimited Travel Group UTG AB, Norrtullsgatan 12A, 113 27 Stockholm</w:t>
      </w:r>
      <w:r w:rsidR="005A7937" w:rsidRPr="00B968E5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14:paraId="0BD5AA1E" w14:textId="77777777" w:rsidR="00655D54" w:rsidRDefault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1EEBE7B7" w14:textId="77777777" w:rsidR="00655D54" w:rsidRPr="002717F7" w:rsidRDefault="00655D54" w:rsidP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="00815A8D" w:rsidRPr="00815A8D">
        <w:rPr>
          <w:sz w:val="20"/>
          <w:szCs w:val="20"/>
        </w:rPr>
        <w:t>https://www.euroclear.com/dam/ESw/Legal/Integritetspolicy-bolagsstammorsvenska.pdf.</w:t>
      </w:r>
    </w:p>
    <w:sectPr w:rsidR="00655D54" w:rsidRPr="002717F7">
      <w:footerReference w:type="even" r:id="rId10"/>
      <w:footerReference w:type="default" r:id="rId11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C65FE9F" w14:textId="77777777" w:rsidR="0075473D" w:rsidRDefault="00FA74D9">
      <w:r>
        <w:separator/>
      </w:r>
    </w:p>
  </w:endnote>
  <w:endnote w:type="continuationSeparator" w:id="0">
    <w:p w14:paraId="7FE5FF83" w14:textId="77777777" w:rsidR="0075473D" w:rsidRDefault="00FA74D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C990B85" w14:textId="77777777" w:rsidR="0068327B" w:rsidRDefault="0068327B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17F0367B" w14:textId="77777777">
      <w:tc>
        <w:tcPr>
          <w:tcW w:w="2000" w:type="pct"/>
          <w:vAlign w:val="bottom"/>
        </w:tcPr>
        <w:p w14:paraId="365BB147" w14:textId="77777777" w:rsidR="0068327B" w:rsidRDefault="00FA74D9">
          <w:pPr>
            <w:pStyle w:val="Sidfot"/>
          </w:pPr>
          <w:r>
            <w:t>2011-12-30 15:25 (2K)</w:t>
          </w:r>
        </w:p>
        <w:p w14:paraId="76ACC0F7" w14:textId="77777777" w:rsidR="0068327B" w:rsidRDefault="00FA74D9" w:rsidP="00093537">
          <w:pPr>
            <w:pStyle w:val="Sidfot"/>
          </w:pPr>
          <w:r>
            <w:t>[stlight - Fullmaktsformulär.doc]</w:t>
          </w:r>
        </w:p>
      </w:tc>
      <w:tc>
        <w:tcPr>
          <w:tcW w:w="1000" w:type="pct"/>
        </w:tcPr>
        <w:p w14:paraId="5C73AB34" w14:textId="77777777" w:rsidR="0068327B" w:rsidRDefault="0068327B">
          <w:pPr>
            <w:pStyle w:val="WCPageNumber"/>
          </w:pPr>
        </w:p>
      </w:tc>
      <w:tc>
        <w:tcPr>
          <w:tcW w:w="2000" w:type="pct"/>
        </w:tcPr>
        <w:p w14:paraId="5C7BE43F" w14:textId="77777777" w:rsidR="0068327B" w:rsidRDefault="0068327B">
          <w:pPr>
            <w:pStyle w:val="Sidfot"/>
            <w:jc w:val="right"/>
          </w:pPr>
        </w:p>
      </w:tc>
    </w:tr>
  </w:tbl>
  <w:p w14:paraId="7566CE3E" w14:textId="77777777" w:rsidR="0068327B" w:rsidRDefault="0068327B">
    <w:pPr>
      <w:pStyle w:val="Sidfot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6AC75AA" w14:textId="77777777" w:rsidR="0068327B" w:rsidRDefault="0068327B">
    <w:pPr>
      <w:pStyle w:val="Sidfot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067A1B21" w14:textId="77777777">
      <w:tc>
        <w:tcPr>
          <w:tcW w:w="2000" w:type="pct"/>
          <w:vAlign w:val="bottom"/>
        </w:tcPr>
        <w:p w14:paraId="212AAA44" w14:textId="77777777" w:rsidR="0068327B" w:rsidRDefault="00FA74D9">
          <w:pPr>
            <w:pStyle w:val="Sidfot"/>
          </w:pPr>
          <w:r>
            <w:t>2011-12-30 15:25 (2K)</w:t>
          </w:r>
        </w:p>
        <w:p w14:paraId="7CD2AC52" w14:textId="77777777" w:rsidR="0068327B" w:rsidRDefault="00FA74D9" w:rsidP="00093537">
          <w:pPr>
            <w:pStyle w:val="Sidfot"/>
          </w:pPr>
          <w:r>
            <w:t>[stlight - Fullmaktsformulär.doc]</w:t>
          </w:r>
        </w:p>
      </w:tc>
      <w:tc>
        <w:tcPr>
          <w:tcW w:w="1000" w:type="pct"/>
        </w:tcPr>
        <w:p w14:paraId="3929B9C7" w14:textId="77777777" w:rsidR="0068327B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10C8E807" w14:textId="77777777" w:rsidR="0068327B" w:rsidRDefault="0068327B">
          <w:pPr>
            <w:pStyle w:val="Sidfot"/>
            <w:jc w:val="right"/>
          </w:pPr>
        </w:p>
      </w:tc>
    </w:tr>
  </w:tbl>
  <w:p w14:paraId="156F7883" w14:textId="77777777" w:rsidR="00627517" w:rsidRDefault="00FA74D9">
    <w:pPr>
      <w:pStyle w:val="Sidfot"/>
      <w:rPr>
        <w:sz w:val="8"/>
      </w:rPr>
    </w:pPr>
    <w:r>
      <w:rPr>
        <w:sz w:val="8"/>
      </w:rPr>
      <w:t>1741917-v1\STODMS</w:t>
    </w:r>
  </w:p>
  <w:p w14:paraId="706F03EB" w14:textId="77777777" w:rsidR="0068327B" w:rsidRDefault="00627517" w:rsidP="00627517">
    <w:pPr>
      <w:pStyle w:val="Sidfot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48212E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48212E">
      <w:rPr>
        <w:sz w:val="14"/>
      </w:rPr>
      <w:instrText>2748307-v1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8212E">
      <w:rPr>
        <w:noProof/>
        <w:sz w:val="14"/>
      </w:rPr>
      <w:t>2748307-v1\STODMS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01C5A4E" w14:textId="77777777" w:rsidR="0075473D" w:rsidRDefault="00FA74D9">
      <w:r>
        <w:separator/>
      </w:r>
    </w:p>
  </w:footnote>
  <w:footnote w:type="continuationSeparator" w:id="0">
    <w:p w14:paraId="2AC11597" w14:textId="77777777" w:rsidR="0075473D" w:rsidRDefault="00FA74D9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3020849">
    <w:abstractNumId w:val="9"/>
  </w:num>
  <w:num w:numId="2" w16cid:durableId="1994527948">
    <w:abstractNumId w:val="7"/>
  </w:num>
  <w:num w:numId="3" w16cid:durableId="1129934064">
    <w:abstractNumId w:val="6"/>
  </w:num>
  <w:num w:numId="4" w16cid:durableId="854265163">
    <w:abstractNumId w:val="5"/>
  </w:num>
  <w:num w:numId="5" w16cid:durableId="19742487">
    <w:abstractNumId w:val="4"/>
  </w:num>
  <w:num w:numId="6" w16cid:durableId="1037045388">
    <w:abstractNumId w:val="8"/>
  </w:num>
  <w:num w:numId="7" w16cid:durableId="307250171">
    <w:abstractNumId w:val="3"/>
  </w:num>
  <w:num w:numId="8" w16cid:durableId="876891186">
    <w:abstractNumId w:val="2"/>
  </w:num>
  <w:num w:numId="9" w16cid:durableId="1484934739">
    <w:abstractNumId w:val="1"/>
  </w:num>
  <w:num w:numId="10" w16cid:durableId="66521228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3891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Reference" w:val="407649570-v1\EMEA_DMS"/>
    <w:docVar w:name="OfficeIni" w:val="Stockholm - SWEDISH.ini"/>
    <w:docVar w:name="SWDocIDLayout" w:val="1"/>
    <w:docVar w:name="SWDocIDLocation" w:val="1"/>
  </w:docVars>
  <w:rsids>
    <w:rsidRoot w:val="00304010"/>
    <w:rsid w:val="00030BFC"/>
    <w:rsid w:val="00062C5A"/>
    <w:rsid w:val="001242AF"/>
    <w:rsid w:val="001637E0"/>
    <w:rsid w:val="002E67B2"/>
    <w:rsid w:val="00304010"/>
    <w:rsid w:val="00331333"/>
    <w:rsid w:val="00353C91"/>
    <w:rsid w:val="0038686E"/>
    <w:rsid w:val="003B722E"/>
    <w:rsid w:val="0048212E"/>
    <w:rsid w:val="00494869"/>
    <w:rsid w:val="004A2169"/>
    <w:rsid w:val="004A253A"/>
    <w:rsid w:val="0051799A"/>
    <w:rsid w:val="005A7937"/>
    <w:rsid w:val="005E3AC1"/>
    <w:rsid w:val="006065D5"/>
    <w:rsid w:val="00621916"/>
    <w:rsid w:val="00627517"/>
    <w:rsid w:val="00655D54"/>
    <w:rsid w:val="0068327B"/>
    <w:rsid w:val="00691F48"/>
    <w:rsid w:val="006C25CA"/>
    <w:rsid w:val="006C26F5"/>
    <w:rsid w:val="006D193F"/>
    <w:rsid w:val="006D3CB7"/>
    <w:rsid w:val="006F40EA"/>
    <w:rsid w:val="0075473D"/>
    <w:rsid w:val="007C4E70"/>
    <w:rsid w:val="007C6ADD"/>
    <w:rsid w:val="00815A8D"/>
    <w:rsid w:val="00844A16"/>
    <w:rsid w:val="008612BC"/>
    <w:rsid w:val="00862EFC"/>
    <w:rsid w:val="008745DA"/>
    <w:rsid w:val="00977D17"/>
    <w:rsid w:val="009969D0"/>
    <w:rsid w:val="009A6472"/>
    <w:rsid w:val="00AC3521"/>
    <w:rsid w:val="00AC4536"/>
    <w:rsid w:val="00B968E5"/>
    <w:rsid w:val="00BE3A4C"/>
    <w:rsid w:val="00D10639"/>
    <w:rsid w:val="00F04FB2"/>
    <w:rsid w:val="00FA74D9"/>
    <w:rsid w:val="00FC2296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8913"/>
    <o:shapelayout v:ext="edit">
      <o:idmap v:ext="edit" data="1"/>
    </o:shapelayout>
  </w:shapeDefaults>
  <w:decimalSymbol w:val=","/>
  <w:listSeparator w:val=";"/>
  <w14:docId w14:val="12CC61F9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styleId="Sidhuvud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Sidfot">
    <w:name w:val="footer"/>
    <w:rPr>
      <w:sz w:val="12"/>
      <w:lang w:val="en-US" w:eastAsia="en-US"/>
    </w:rPr>
  </w:style>
  <w:style w:type="paragraph" w:styleId="Fotnotstext">
    <w:name w:val="footnote text"/>
    <w:basedOn w:val="Normal"/>
    <w:semiHidden/>
    <w:rPr>
      <w:sz w:val="20"/>
      <w:szCs w:val="20"/>
    </w:rPr>
  </w:style>
  <w:style w:type="character" w:styleId="Sidnumm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ellrutnt">
    <w:name w:val="Table Grid"/>
    <w:basedOn w:val="Normaltabel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ngtext">
    <w:name w:val="Balloon Text"/>
    <w:basedOn w:val="Normal"/>
    <w:link w:val="BallongtextChar"/>
    <w:rsid w:val="00382EBC"/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ntTable" Target="fontTable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footer" Target="footer2.xml"/><Relationship Id="rId5" Type="http://schemas.openxmlformats.org/officeDocument/2006/relationships/styles" Target="styles.xml"/><Relationship Id="rId10" Type="http://schemas.openxmlformats.org/officeDocument/2006/relationships/footer" Target="footer1.xml"/><Relationship Id="rId4" Type="http://schemas.openxmlformats.org/officeDocument/2006/relationships/numbering" Target="numbering.xml"/><Relationship Id="rId9" Type="http://schemas.openxmlformats.org/officeDocument/2006/relationships/endnotes" Target="end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kument" ma:contentTypeID="0x0101002443B567E73FBC45B08E8CAAA26968FC" ma:contentTypeVersion="13" ma:contentTypeDescription="Skapa ett nytt dokument." ma:contentTypeScope="" ma:versionID="83fddc2027014b5ea9014b2e761d7a3c">
  <xsd:schema xmlns:xsd="http://www.w3.org/2001/XMLSchema" xmlns:xs="http://www.w3.org/2001/XMLSchema" xmlns:p="http://schemas.microsoft.com/office/2006/metadata/properties" xmlns:ns2="a4dca0e6-1ad5-4543-9f17-5d0657a45ba5" xmlns:ns3="bf26ab33-8ed5-4cd1-8ff0-cf703f33f0d1" targetNamespace="http://schemas.microsoft.com/office/2006/metadata/properties" ma:root="true" ma:fieldsID="50035cf69a9231b0cc78eccd1dfed353" ns2:_="" ns3:_="">
    <xsd:import namespace="a4dca0e6-1ad5-4543-9f17-5d0657a45ba5"/>
    <xsd:import namespace="bf26ab33-8ed5-4cd1-8ff0-cf703f33f0d1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ObjectDetectorVersions" minOccurs="0"/>
                <xsd:element ref="ns2:MediaServiceGenerationTime" minOccurs="0"/>
                <xsd:element ref="ns2:MediaServiceEventHashCode" minOccurs="0"/>
                <xsd:element ref="ns2:MediaLengthInSeconds" minOccurs="0"/>
                <xsd:element ref="ns2:MediaServiceDateTaken" minOccurs="0"/>
                <xsd:element ref="ns2:lcf76f155ced4ddcb4097134ff3c332f" minOccurs="0"/>
                <xsd:element ref="ns3:TaxCatchAll" minOccurs="0"/>
                <xsd:element ref="ns3:SharedWithUsers" minOccurs="0"/>
                <xsd:element ref="ns3:SharedWithDetails" minOccurs="0"/>
                <xsd:element ref="ns2:MediaServiceSearchPropertie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4dca0e6-1ad5-4543-9f17-5d0657a45ba5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ObjectDetectorVersions" ma:index="10" nillable="true" ma:displayName="MediaServiceObjectDetectorVersions" ma:hidden="true" ma:indexed="true" ma:internalName="MediaServiceObjectDetectorVersions" ma:readOnly="true">
      <xsd:simpleType>
        <xsd:restriction base="dms:Text"/>
      </xsd:simpleType>
    </xsd:element>
    <xsd:element name="MediaServiceGenerationTime" ma:index="11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2" nillable="true" ma:displayName="MediaServiceEventHashCode" ma:hidden="true" ma:internalName="MediaServiceEventHashCode" ma:readOnly="true">
      <xsd:simpleType>
        <xsd:restriction base="dms:Text"/>
      </xsd:simpleType>
    </xsd:element>
    <xsd:element name="MediaLengthInSeconds" ma:index="13" nillable="true" ma:displayName="MediaLengthInSeconds" ma:hidden="true" ma:internalName="MediaLengthInSeconds" ma:readOnly="true">
      <xsd:simpleType>
        <xsd:restriction base="dms:Unknown"/>
      </xsd:simpleType>
    </xsd:element>
    <xsd:element name="MediaServiceDateTaken" ma:index="14" nillable="true" ma:displayName="MediaServiceDateTaken" ma:description="" ma:hidden="true" ma:indexed="true" ma:internalName="MediaServiceDateTaken" ma:readOnly="true">
      <xsd:simpleType>
        <xsd:restriction base="dms:Text"/>
      </xsd:simpleType>
    </xsd:element>
    <xsd:element name="lcf76f155ced4ddcb4097134ff3c332f" ma:index="16" nillable="true" ma:taxonomy="true" ma:internalName="lcf76f155ced4ddcb4097134ff3c332f" ma:taxonomyFieldName="MediaServiceImageTags" ma:displayName="Bildmarkeringar" ma:readOnly="false" ma:fieldId="{5cf76f15-5ced-4ddc-b409-7134ff3c332f}" ma:taxonomyMulti="true" ma:sspId="66e1ba5a-4b87-4583-a2c7-87db1252d442" ma:termSetId="09814cd3-568e-fe90-9814-8d621ff8fb84" ma:anchorId="fba54fb3-c3e1-fe81-a776-ca4b69148c4d" ma:open="true" ma:isKeyword="false">
      <xsd:complexType>
        <xsd:sequence>
          <xsd:element ref="pc:Terms" minOccurs="0" maxOccurs="1"/>
        </xsd:sequence>
      </xsd:complexType>
    </xsd:element>
    <xsd:element name="MediaServiceSearchProperties" ma:index="20" nillable="true" ma:displayName="MediaServiceSearchProperties" ma:hidden="true" ma:internalName="MediaServiceSearchProperties" ma:readOnly="true">
      <xsd:simpleType>
        <xsd:restriction base="dms:Note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bf26ab33-8ed5-4cd1-8ff0-cf703f33f0d1" elementFormDefault="qualified">
    <xsd:import namespace="http://schemas.microsoft.com/office/2006/documentManagement/types"/>
    <xsd:import namespace="http://schemas.microsoft.com/office/infopath/2007/PartnerControls"/>
    <xsd:element name="TaxCatchAll" ma:index="17" nillable="true" ma:displayName="Taxonomy Catch All Column" ma:hidden="true" ma:list="{1820116f-1b48-47da-85c6-cac0da0527a0}" ma:internalName="TaxCatchAll" ma:showField="CatchAllData" ma:web="bf26ab33-8ed5-4cd1-8ff0-cf703f33f0d1">
      <xsd:complexType>
        <xsd:complexContent>
          <xsd:extension base="dms:MultiChoiceLookup">
            <xsd:sequence>
              <xsd:element name="Value" type="dms:Lookup" maxOccurs="unbounded" minOccurs="0" nillable="true"/>
            </xsd:sequence>
          </xsd:extension>
        </xsd:complexContent>
      </xsd:complexType>
    </xsd:element>
    <xsd:element name="SharedWithUsers" ma:index="18" nillable="true" ma:displayName="Delat med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19" nillable="true" ma:displayName="Delat med information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Innehållstyp"/>
        <xsd:element ref="dc:title" minOccurs="0" maxOccurs="1" ma:index="4" ma:displayName="Rubrik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lcf76f155ced4ddcb4097134ff3c332f xmlns="a4dca0e6-1ad5-4543-9f17-5d0657a45ba5">
      <Terms xmlns="http://schemas.microsoft.com/office/infopath/2007/PartnerControls"/>
    </lcf76f155ced4ddcb4097134ff3c332f>
    <TaxCatchAll xmlns="bf26ab33-8ed5-4cd1-8ff0-cf703f33f0d1" xsi:nil="true"/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94B41977-3C83-4DA3-AA5A-ECDA19C14716}"/>
</file>

<file path=customXml/itemProps2.xml><?xml version="1.0" encoding="utf-8"?>
<ds:datastoreItem xmlns:ds="http://schemas.openxmlformats.org/officeDocument/2006/customXml" ds:itemID="{0613ABAA-19EA-4FDD-911B-ACD395A14086}">
  <ds:schemaRefs>
    <ds:schemaRef ds:uri="http://schemas.microsoft.com/office/2006/metadata/properties"/>
    <ds:schemaRef ds:uri="http://schemas.microsoft.com/office/infopath/2007/PartnerControls"/>
    <ds:schemaRef ds:uri="a4dca0e6-1ad5-4543-9f17-5d0657a45ba5"/>
    <ds:schemaRef ds:uri="bf26ab33-8ed5-4cd1-8ff0-cf703f33f0d1"/>
  </ds:schemaRefs>
</ds:datastoreItem>
</file>

<file path=customXml/itemProps3.xml><?xml version="1.0" encoding="utf-8"?>
<ds:datastoreItem xmlns:ds="http://schemas.openxmlformats.org/officeDocument/2006/customXml" ds:itemID="{6FF1B460-87F6-4671-8C00-9EC6A095E380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70</Words>
  <Characters>1297</Characters>
  <Application>Microsoft Office Word</Application>
  <DocSecurity>0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/>
  <Company/>
  <LinksUpToDate>false</LinksUpToDate>
  <CharactersWithSpaces>14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keywords>
  </cp:keywords>
  <cp:lastModifiedBy/>
  <cp:revision>1</cp:revision>
  <dcterms:created xsi:type="dcterms:W3CDTF">2024-03-22T13:52:00Z</dcterms:created>
  <dcterms:modified xsi:type="dcterms:W3CDTF">2024-03-22T13:5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8307-v1\STODMS</vt:lpwstr>
  </property>
  <property fmtid="{D5CDD505-2E9C-101B-9397-08002B2CF9AE}" pid="3" name="ContentTypeId">
    <vt:lpwstr>0x0101002443B567E73FBC45B08E8CAAA26968FC</vt:lpwstr>
  </property>
  <property fmtid="{D5CDD505-2E9C-101B-9397-08002B2CF9AE}" pid="4" name="Order">
    <vt:r8>115400</vt:r8>
  </property>
  <property fmtid="{D5CDD505-2E9C-101B-9397-08002B2CF9AE}" pid="5" name="MediaServiceImageTags">
    <vt:lpwstr/>
  </property>
</Properties>
</file>